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601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C1D086AE-A7DE-48AA-B8D1-C293748D987D}" xr6:coauthVersionLast="47" xr6:coauthVersionMax="47" xr10:uidLastSave="{00000000-0000-0000-0000-000000000000}"/>
  <bookViews>
    <workbookView xWindow="3075" yWindow="3075" windowWidth="23730" windowHeight="12105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A111" i="1" l="1"/>
  <c r="A110" i="1"/>
  <c r="A109" i="1"/>
  <c r="A108" i="1"/>
  <c r="A107" i="1"/>
  <c r="A106" i="1"/>
  <c r="A105" i="1"/>
  <c r="A104" i="1"/>
  <c r="A103" i="1"/>
  <c r="A102" i="1"/>
  <c r="A101" i="1"/>
  <c r="A100" i="1"/>
  <c r="A99" i="1"/>
  <c r="A98" i="1"/>
  <c r="A97" i="1"/>
  <c r="A96" i="1"/>
  <c r="A95" i="1"/>
  <c r="A94" i="1"/>
  <c r="A93" i="1"/>
  <c r="A92" i="1"/>
  <c r="A91" i="1"/>
  <c r="A90" i="1"/>
  <c r="A89" i="1"/>
  <c r="A88" i="1"/>
  <c r="A87" i="1"/>
  <c r="A86" i="1"/>
  <c r="A85" i="1"/>
  <c r="A84" i="1"/>
  <c r="A83" i="1"/>
  <c r="A82" i="1"/>
  <c r="A81" i="1"/>
  <c r="A80" i="1"/>
  <c r="A79" i="1"/>
  <c r="A78" i="1"/>
  <c r="A77" i="1"/>
  <c r="A76" i="1"/>
  <c r="A75" i="1"/>
  <c r="A74" i="1"/>
  <c r="A73" i="1"/>
  <c r="A72" i="1"/>
  <c r="A71" i="1"/>
  <c r="A70" i="1"/>
  <c r="A69" i="1"/>
  <c r="A68" i="1"/>
  <c r="A67" i="1"/>
  <c r="A66" i="1"/>
  <c r="A65" i="1"/>
  <c r="A64" i="1"/>
  <c r="A63" i="1"/>
  <c r="A62" i="1"/>
  <c r="A61" i="1"/>
  <c r="A60" i="1"/>
  <c r="A59" i="1"/>
  <c r="A58" i="1"/>
  <c r="A57" i="1"/>
  <c r="A56" i="1"/>
  <c r="A55" i="1"/>
  <c r="A54" i="1"/>
  <c r="A53" i="1"/>
  <c r="A52" i="1"/>
  <c r="A51" i="1"/>
  <c r="A50" i="1"/>
  <c r="A49" i="1"/>
  <c r="A48" i="1"/>
  <c r="A47" i="1"/>
  <c r="A46" i="1"/>
  <c r="A45" i="1"/>
  <c r="A44" i="1"/>
  <c r="A43" i="1"/>
  <c r="A42" i="1"/>
  <c r="A41" i="1"/>
  <c r="A40" i="1"/>
  <c r="A39" i="1"/>
  <c r="A38" i="1"/>
  <c r="A37" i="1"/>
  <c r="A36" i="1"/>
  <c r="A35" i="1"/>
  <c r="A34" i="1"/>
  <c r="A33" i="1"/>
  <c r="A32" i="1"/>
  <c r="A31" i="1"/>
  <c r="A30" i="1"/>
  <c r="A29" i="1"/>
  <c r="A28" i="1"/>
  <c r="A27" i="1"/>
  <c r="A26" i="1"/>
  <c r="A25" i="1"/>
  <c r="A24" i="1"/>
  <c r="A23" i="1"/>
  <c r="A22" i="1"/>
  <c r="A21" i="1"/>
  <c r="A20" i="1"/>
  <c r="A19" i="1"/>
  <c r="A18" i="1"/>
  <c r="A17" i="1"/>
  <c r="A16" i="1"/>
  <c r="A15" i="1"/>
  <c r="A14" i="1"/>
  <c r="A13" i="1"/>
  <c r="A12" i="1"/>
  <c r="A11" i="1"/>
  <c r="A10" i="1"/>
  <c r="A9" i="1"/>
  <c r="A8" i="1"/>
  <c r="A7" i="1"/>
  <c r="A6" i="1"/>
  <c r="A5" i="1"/>
  <c r="A4" i="1"/>
  <c r="A3" i="1"/>
</calcChain>
</file>

<file path=xl/sharedStrings.xml><?xml version="1.0" encoding="utf-8"?>
<sst xmlns="http://schemas.openxmlformats.org/spreadsheetml/2006/main" count="4" uniqueCount="4">
  <si>
    <t>YYYY</t>
  </si>
  <si>
    <t>YYYY.Q</t>
  </si>
  <si>
    <t>Rent per Unit (USD)</t>
  </si>
  <si>
    <t>Monthly Mortgage Payment (USD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164" formatCode="_([$$-409]* #,##0_);_([$$-409]* \(#,##0\);_([$$-409]* &quot;-&quot;??_);_(@_)"/>
    <numFmt numFmtId="165" formatCode="_(* #,##0_);_(* \(#,##0\);_(* &quot;-&quot;??_);_(@_)"/>
  </numFmts>
  <fonts count="2" x14ac:knownFonts="1">
    <font>
      <sz val="11"/>
      <color theme="1"/>
      <name val="Calibre"/>
      <family val="2"/>
      <scheme val="minor"/>
    </font>
    <font>
      <sz val="8"/>
      <color theme="1"/>
      <name val="Arial"/>
      <family val="2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/>
      <right/>
      <top/>
      <bottom style="thick">
        <color auto="1"/>
      </bottom>
      <diagonal/>
    </border>
  </borders>
  <cellStyleXfs count="1">
    <xf numFmtId="0" fontId="0" fillId="0" borderId="0"/>
  </cellStyleXfs>
  <cellXfs count="6">
    <xf numFmtId="0" fontId="0" fillId="0" borderId="0" xfId="0"/>
    <xf numFmtId="0" fontId="1" fillId="0" borderId="0" xfId="0" applyFont="1"/>
    <xf numFmtId="0" fontId="1" fillId="0" borderId="1" xfId="0" applyFont="1" applyBorder="1" applyAlignment="1">
      <alignment horizontal="center" vertical="center"/>
    </xf>
    <xf numFmtId="0" fontId="1" fillId="0" borderId="1" xfId="0" applyFont="1" applyBorder="1" applyAlignment="1">
      <alignment horizontal="center" vertical="center" wrapText="1"/>
    </xf>
    <xf numFmtId="164" fontId="1" fillId="0" borderId="0" xfId="0" applyNumberFormat="1" applyFont="1"/>
    <xf numFmtId="165" fontId="1" fillId="0" borderId="0" xfId="0" applyNumberFormat="1" applyFon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E111"/>
  <sheetViews>
    <sheetView tabSelected="1" workbookViewId="0">
      <selection activeCell="H14" sqref="H14"/>
    </sheetView>
  </sheetViews>
  <sheetFormatPr defaultRowHeight="14.25" x14ac:dyDescent="0.2"/>
  <sheetData>
    <row r="1" spans="1:5" x14ac:dyDescent="0.2">
      <c r="A1" s="1"/>
      <c r="B1" s="1"/>
      <c r="C1" s="1"/>
      <c r="D1" s="1"/>
      <c r="E1" s="1"/>
    </row>
    <row r="2" spans="1:5" ht="23.25" thickBot="1" x14ac:dyDescent="0.25">
      <c r="A2" s="2" t="s">
        <v>0</v>
      </c>
      <c r="B2" s="2" t="s">
        <v>1</v>
      </c>
      <c r="C2" s="3" t="s">
        <v>2</v>
      </c>
      <c r="D2" s="2" t="s">
        <v>3</v>
      </c>
      <c r="E2" s="1"/>
    </row>
    <row r="3" spans="1:5" ht="15" thickTop="1" x14ac:dyDescent="0.2">
      <c r="A3" s="1" t="str">
        <f>LEFT(B3,4)</f>
        <v>1996</v>
      </c>
      <c r="B3" s="1">
        <v>1996.1</v>
      </c>
      <c r="C3" s="4">
        <v>1074.25</v>
      </c>
      <c r="D3" s="5">
        <v>1031.2201604220488</v>
      </c>
      <c r="E3" s="1"/>
    </row>
    <row r="4" spans="1:5" x14ac:dyDescent="0.2">
      <c r="A4" s="1" t="str">
        <f t="shared" ref="A4:A67" si="0">LEFT(B4,4)</f>
        <v>1996</v>
      </c>
      <c r="B4" s="1">
        <v>1996.2</v>
      </c>
      <c r="C4" s="4">
        <v>1093.1500000000001</v>
      </c>
      <c r="D4" s="5">
        <v>1158.5249631724721</v>
      </c>
      <c r="E4" s="1"/>
    </row>
    <row r="5" spans="1:5" x14ac:dyDescent="0.2">
      <c r="A5" s="1" t="str">
        <f t="shared" si="0"/>
        <v>1996</v>
      </c>
      <c r="B5" s="1">
        <v>1996.3</v>
      </c>
      <c r="C5" s="4">
        <v>1104.6600000000001</v>
      </c>
      <c r="D5" s="5">
        <v>1160.4599624613768</v>
      </c>
      <c r="E5" s="1"/>
    </row>
    <row r="6" spans="1:5" x14ac:dyDescent="0.2">
      <c r="A6" s="1" t="str">
        <f t="shared" si="0"/>
        <v>1996</v>
      </c>
      <c r="B6" s="1">
        <v>1996.4</v>
      </c>
      <c r="C6" s="4">
        <v>1150.68</v>
      </c>
      <c r="D6" s="5">
        <v>1153.9784129286918</v>
      </c>
      <c r="E6" s="1"/>
    </row>
    <row r="7" spans="1:5" x14ac:dyDescent="0.2">
      <c r="A7" s="1" t="str">
        <f t="shared" si="0"/>
        <v>1997</v>
      </c>
      <c r="B7" s="1">
        <v>1997.1</v>
      </c>
      <c r="C7" s="4">
        <v>1162.19</v>
      </c>
      <c r="D7" s="5">
        <v>1093.8306120391437</v>
      </c>
      <c r="E7" s="1"/>
    </row>
    <row r="8" spans="1:5" x14ac:dyDescent="0.2">
      <c r="A8" s="1" t="str">
        <f t="shared" si="0"/>
        <v>1997</v>
      </c>
      <c r="B8" s="1">
        <v>1997.2</v>
      </c>
      <c r="C8" s="4">
        <v>1185.2</v>
      </c>
      <c r="D8" s="5">
        <v>1061.0532955340152</v>
      </c>
      <c r="E8" s="1"/>
    </row>
    <row r="9" spans="1:5" x14ac:dyDescent="0.2">
      <c r="A9" s="1" t="str">
        <f t="shared" si="0"/>
        <v>1997</v>
      </c>
      <c r="B9" s="1">
        <v>1997.3</v>
      </c>
      <c r="C9" s="4">
        <v>1217.42</v>
      </c>
      <c r="D9" s="5">
        <v>1031.7811769256339</v>
      </c>
      <c r="E9" s="1"/>
    </row>
    <row r="10" spans="1:5" x14ac:dyDescent="0.2">
      <c r="A10" s="1" t="str">
        <f t="shared" si="0"/>
        <v>1997</v>
      </c>
      <c r="B10" s="1">
        <v>1997.4</v>
      </c>
      <c r="C10" s="4">
        <v>1297.97</v>
      </c>
      <c r="D10" s="5">
        <v>1044.286910068399</v>
      </c>
      <c r="E10" s="1"/>
    </row>
    <row r="11" spans="1:5" x14ac:dyDescent="0.2">
      <c r="A11" s="1" t="str">
        <f t="shared" si="0"/>
        <v>1998</v>
      </c>
      <c r="B11" s="1">
        <v>1998.1</v>
      </c>
      <c r="C11" s="4">
        <v>1256.55</v>
      </c>
      <c r="D11" s="5">
        <v>1026.5881530008394</v>
      </c>
      <c r="E11" s="1"/>
    </row>
    <row r="12" spans="1:5" x14ac:dyDescent="0.2">
      <c r="A12" s="1" t="str">
        <f t="shared" si="0"/>
        <v>1998</v>
      </c>
      <c r="B12" s="1">
        <v>1998.2</v>
      </c>
      <c r="C12" s="4">
        <v>1394.63</v>
      </c>
      <c r="D12" s="5">
        <v>987.46871807699836</v>
      </c>
      <c r="E12" s="1"/>
    </row>
    <row r="13" spans="1:5" x14ac:dyDescent="0.2">
      <c r="A13" s="1" t="str">
        <f t="shared" si="0"/>
        <v>1998</v>
      </c>
      <c r="B13" s="1">
        <v>1998.3</v>
      </c>
      <c r="C13" s="4">
        <v>1552.27</v>
      </c>
      <c r="D13" s="5">
        <v>1011.0723282110341</v>
      </c>
      <c r="E13" s="1"/>
    </row>
    <row r="14" spans="1:5" x14ac:dyDescent="0.2">
      <c r="A14" s="1" t="str">
        <f t="shared" si="0"/>
        <v>1998</v>
      </c>
      <c r="B14" s="1">
        <v>1998.4</v>
      </c>
      <c r="C14" s="4">
        <v>1784.71</v>
      </c>
      <c r="D14" s="5">
        <v>1026.5881530008394</v>
      </c>
      <c r="E14" s="1"/>
    </row>
    <row r="15" spans="1:5" x14ac:dyDescent="0.2">
      <c r="A15" s="1" t="str">
        <f t="shared" si="0"/>
        <v>1999</v>
      </c>
      <c r="B15" s="1">
        <v>1999.1</v>
      </c>
      <c r="C15" s="4">
        <v>1799.67</v>
      </c>
      <c r="D15" s="5">
        <v>1266.7003666138496</v>
      </c>
      <c r="E15" s="1"/>
    </row>
    <row r="16" spans="1:5" x14ac:dyDescent="0.2">
      <c r="A16" s="1" t="str">
        <f t="shared" si="0"/>
        <v>1999</v>
      </c>
      <c r="B16" s="1">
        <v>1999.2</v>
      </c>
      <c r="C16" s="4">
        <v>1842.25</v>
      </c>
      <c r="D16" s="5">
        <v>1557.2190932970695</v>
      </c>
      <c r="E16" s="1"/>
    </row>
    <row r="17" spans="1:5" x14ac:dyDescent="0.2">
      <c r="A17" s="1" t="str">
        <f t="shared" si="0"/>
        <v>1999</v>
      </c>
      <c r="B17" s="1">
        <v>1999.3</v>
      </c>
      <c r="C17" s="4">
        <v>1689.2</v>
      </c>
      <c r="D17" s="5">
        <v>1661.8079488555809</v>
      </c>
      <c r="E17" s="1"/>
    </row>
    <row r="18" spans="1:5" x14ac:dyDescent="0.2">
      <c r="A18" s="1" t="str">
        <f t="shared" si="0"/>
        <v>1999</v>
      </c>
      <c r="B18" s="1">
        <v>1999.4</v>
      </c>
      <c r="C18" s="4">
        <v>1668.49</v>
      </c>
      <c r="D18" s="5">
        <v>1701.8246437571695</v>
      </c>
      <c r="E18" s="1"/>
    </row>
    <row r="19" spans="1:5" x14ac:dyDescent="0.2">
      <c r="A19" s="1" t="str">
        <f t="shared" si="0"/>
        <v>2000</v>
      </c>
      <c r="B19" s="1">
        <v>2000.1</v>
      </c>
      <c r="C19" s="4">
        <v>1423.4</v>
      </c>
      <c r="D19" s="5">
        <v>1520.2525985525031</v>
      </c>
      <c r="E19" s="1"/>
    </row>
    <row r="20" spans="1:5" x14ac:dyDescent="0.2">
      <c r="A20" s="1" t="str">
        <f t="shared" si="0"/>
        <v>2000</v>
      </c>
      <c r="B20" s="1">
        <v>2000.2</v>
      </c>
      <c r="C20" s="4">
        <v>1464.82</v>
      </c>
      <c r="D20" s="5">
        <v>1779.7657920587974</v>
      </c>
      <c r="E20" s="1"/>
    </row>
    <row r="21" spans="1:5" x14ac:dyDescent="0.2">
      <c r="A21" s="1" t="str">
        <f t="shared" si="0"/>
        <v>2000</v>
      </c>
      <c r="B21" s="1">
        <v>2000.3</v>
      </c>
      <c r="C21" s="4">
        <v>1596</v>
      </c>
      <c r="D21" s="5">
        <v>1795.5235077735879</v>
      </c>
      <c r="E21" s="1"/>
    </row>
    <row r="22" spans="1:5" x14ac:dyDescent="0.2">
      <c r="A22" s="1" t="str">
        <f t="shared" si="0"/>
        <v>2000</v>
      </c>
      <c r="B22" s="1">
        <v>2000.4</v>
      </c>
      <c r="C22" s="4">
        <v>1642.03</v>
      </c>
      <c r="D22" s="5">
        <v>1694.6381396232246</v>
      </c>
      <c r="E22" s="1"/>
    </row>
    <row r="23" spans="1:5" x14ac:dyDescent="0.2">
      <c r="A23" s="1" t="str">
        <f t="shared" si="0"/>
        <v>2001</v>
      </c>
      <c r="B23" s="1">
        <v>2001.1</v>
      </c>
      <c r="C23" s="4">
        <v>1662.74</v>
      </c>
      <c r="D23" s="5">
        <v>1554.5437297507049</v>
      </c>
      <c r="E23" s="1"/>
    </row>
    <row r="24" spans="1:5" x14ac:dyDescent="0.2">
      <c r="A24" s="1" t="str">
        <f t="shared" si="0"/>
        <v>2001</v>
      </c>
      <c r="B24" s="1">
        <v>2001.2</v>
      </c>
      <c r="C24" s="4">
        <v>1697.26</v>
      </c>
      <c r="D24" s="5">
        <v>1711.0207794005362</v>
      </c>
      <c r="E24" s="1"/>
    </row>
    <row r="25" spans="1:5" x14ac:dyDescent="0.2">
      <c r="A25" s="1" t="str">
        <f t="shared" si="0"/>
        <v>2001</v>
      </c>
      <c r="B25" s="1">
        <v>2001.3</v>
      </c>
      <c r="C25" s="4">
        <v>1720.27</v>
      </c>
      <c r="D25" s="5">
        <v>1854.3234462862974</v>
      </c>
      <c r="E25" s="1"/>
    </row>
    <row r="26" spans="1:5" x14ac:dyDescent="0.2">
      <c r="A26" s="1" t="str">
        <f t="shared" si="0"/>
        <v>2001</v>
      </c>
      <c r="B26" s="1">
        <v>2001.4</v>
      </c>
      <c r="C26" s="4">
        <v>1659.29</v>
      </c>
      <c r="D26" s="5">
        <v>1657.8727152893337</v>
      </c>
      <c r="E26" s="1"/>
    </row>
    <row r="27" spans="1:5" x14ac:dyDescent="0.2">
      <c r="A27" s="1" t="str">
        <f t="shared" si="0"/>
        <v>2002</v>
      </c>
      <c r="B27" s="1">
        <v>2002.1</v>
      </c>
      <c r="C27" s="4">
        <v>1665.04</v>
      </c>
      <c r="D27" s="5">
        <v>1655.5444679739062</v>
      </c>
      <c r="E27" s="1"/>
    </row>
    <row r="28" spans="1:5" x14ac:dyDescent="0.2">
      <c r="A28" s="1" t="str">
        <f t="shared" si="0"/>
        <v>2002</v>
      </c>
      <c r="B28" s="1">
        <v>2002.2</v>
      </c>
      <c r="C28" s="4">
        <v>1679.14</v>
      </c>
      <c r="D28" s="5">
        <v>1773.0679118639691</v>
      </c>
      <c r="E28" s="1"/>
    </row>
    <row r="29" spans="1:5" x14ac:dyDescent="0.2">
      <c r="A29" s="1" t="str">
        <f t="shared" si="0"/>
        <v>2002</v>
      </c>
      <c r="B29" s="1">
        <v>2002.3</v>
      </c>
      <c r="C29" s="4">
        <v>1658.24</v>
      </c>
      <c r="D29" s="5">
        <v>1835.1882580449217</v>
      </c>
      <c r="E29" s="1"/>
    </row>
    <row r="30" spans="1:5" x14ac:dyDescent="0.2">
      <c r="A30" s="1" t="str">
        <f t="shared" si="0"/>
        <v>2002</v>
      </c>
      <c r="B30" s="1">
        <v>2002.4</v>
      </c>
      <c r="C30" s="4">
        <v>1611.75</v>
      </c>
      <c r="D30" s="5">
        <v>1766.0389970373415</v>
      </c>
      <c r="E30" s="1"/>
    </row>
    <row r="31" spans="1:5" x14ac:dyDescent="0.2">
      <c r="A31" s="1" t="str">
        <f t="shared" si="0"/>
        <v>2003</v>
      </c>
      <c r="B31" s="1">
        <v>2003.1</v>
      </c>
      <c r="C31" s="4">
        <v>1613.55</v>
      </c>
      <c r="D31" s="5">
        <v>1668.2405989496001</v>
      </c>
      <c r="E31" s="1"/>
    </row>
    <row r="32" spans="1:5" x14ac:dyDescent="0.2">
      <c r="A32" s="1" t="str">
        <f t="shared" si="0"/>
        <v>2003</v>
      </c>
      <c r="B32" s="1">
        <v>2003.2</v>
      </c>
      <c r="C32" s="4">
        <v>1602.66</v>
      </c>
      <c r="D32" s="5">
        <v>1848.1538303835109</v>
      </c>
      <c r="E32" s="1"/>
    </row>
    <row r="33" spans="1:5" x14ac:dyDescent="0.2">
      <c r="A33" s="1" t="str">
        <f t="shared" si="0"/>
        <v>2003</v>
      </c>
      <c r="B33" s="1">
        <v>2003.3</v>
      </c>
      <c r="C33" s="4">
        <v>1613.49</v>
      </c>
      <c r="D33" s="5">
        <v>1904.7540930033431</v>
      </c>
      <c r="E33" s="1"/>
    </row>
    <row r="34" spans="1:5" x14ac:dyDescent="0.2">
      <c r="A34" s="1" t="str">
        <f t="shared" si="0"/>
        <v>2003</v>
      </c>
      <c r="B34" s="1">
        <v>2003.4</v>
      </c>
      <c r="C34" s="4">
        <v>1573.11</v>
      </c>
      <c r="D34" s="5">
        <v>1810.7450120227832</v>
      </c>
      <c r="E34" s="1"/>
    </row>
    <row r="35" spans="1:5" x14ac:dyDescent="0.2">
      <c r="A35" s="1" t="str">
        <f t="shared" si="0"/>
        <v>2004</v>
      </c>
      <c r="B35" s="1">
        <v>2004.1</v>
      </c>
      <c r="C35" s="4">
        <v>1569.63</v>
      </c>
      <c r="D35" s="5">
        <v>1935.343851521618</v>
      </c>
      <c r="E35" s="1"/>
    </row>
    <row r="36" spans="1:5" x14ac:dyDescent="0.2">
      <c r="A36" s="1" t="str">
        <f t="shared" si="0"/>
        <v>2004</v>
      </c>
      <c r="B36" s="1">
        <v>2004.2</v>
      </c>
      <c r="C36" s="4">
        <v>1608.75</v>
      </c>
      <c r="D36" s="5">
        <v>2010.1066192442543</v>
      </c>
      <c r="E36" s="1"/>
    </row>
    <row r="37" spans="1:5" x14ac:dyDescent="0.2">
      <c r="A37" s="1" t="str">
        <f t="shared" si="0"/>
        <v>2004</v>
      </c>
      <c r="B37" s="1">
        <v>2004.3</v>
      </c>
      <c r="C37" s="4">
        <v>1615.03</v>
      </c>
      <c r="D37" s="5">
        <v>2104.8298352822708</v>
      </c>
      <c r="E37" s="1"/>
    </row>
    <row r="38" spans="1:5" x14ac:dyDescent="0.2">
      <c r="A38" s="1" t="str">
        <f t="shared" si="0"/>
        <v>2004</v>
      </c>
      <c r="B38" s="1">
        <v>2004.4</v>
      </c>
      <c r="C38" s="4">
        <v>1615.66</v>
      </c>
      <c r="D38" s="5">
        <v>2069.141036106219</v>
      </c>
      <c r="E38" s="1"/>
    </row>
    <row r="39" spans="1:5" x14ac:dyDescent="0.2">
      <c r="A39" s="1" t="str">
        <f t="shared" si="0"/>
        <v>2005</v>
      </c>
      <c r="B39" s="1">
        <v>2005.1</v>
      </c>
      <c r="C39" s="4">
        <v>1626.45</v>
      </c>
      <c r="D39" s="5">
        <v>1986.1979548327886</v>
      </c>
      <c r="E39" s="1"/>
    </row>
    <row r="40" spans="1:5" x14ac:dyDescent="0.2">
      <c r="A40" s="1" t="str">
        <f t="shared" si="0"/>
        <v>2005</v>
      </c>
      <c r="B40" s="1">
        <v>2005.2</v>
      </c>
      <c r="C40" s="4">
        <v>1645.76</v>
      </c>
      <c r="D40" s="5">
        <v>2186.7602362823081</v>
      </c>
      <c r="E40" s="1"/>
    </row>
    <row r="41" spans="1:5" x14ac:dyDescent="0.2">
      <c r="A41" s="1" t="str">
        <f t="shared" si="0"/>
        <v>2005</v>
      </c>
      <c r="B41" s="1">
        <v>2005.3</v>
      </c>
      <c r="C41" s="4">
        <v>1665.25</v>
      </c>
      <c r="D41" s="5">
        <v>2327.3568043405103</v>
      </c>
      <c r="E41" s="1"/>
    </row>
    <row r="42" spans="1:5" x14ac:dyDescent="0.2">
      <c r="A42" s="1" t="str">
        <f t="shared" si="0"/>
        <v>2005</v>
      </c>
      <c r="B42" s="1">
        <v>2005.4</v>
      </c>
      <c r="C42" s="4">
        <v>1669.52</v>
      </c>
      <c r="D42" s="5">
        <v>2176.5804976792065</v>
      </c>
      <c r="E42" s="1"/>
    </row>
    <row r="43" spans="1:5" x14ac:dyDescent="0.2">
      <c r="A43" s="1" t="str">
        <f t="shared" si="0"/>
        <v>2006</v>
      </c>
      <c r="B43" s="1">
        <v>2006.1</v>
      </c>
      <c r="C43" s="4">
        <v>1674.82</v>
      </c>
      <c r="D43" s="5">
        <v>2240.2797411592555</v>
      </c>
      <c r="E43" s="1"/>
    </row>
    <row r="44" spans="1:5" x14ac:dyDescent="0.2">
      <c r="A44" s="1" t="str">
        <f t="shared" si="0"/>
        <v>2006</v>
      </c>
      <c r="B44" s="1">
        <v>2006.2</v>
      </c>
      <c r="C44" s="4">
        <v>1700.19</v>
      </c>
      <c r="D44" s="5">
        <v>2297.7669929329113</v>
      </c>
      <c r="E44" s="1"/>
    </row>
    <row r="45" spans="1:5" x14ac:dyDescent="0.2">
      <c r="A45" s="1" t="str">
        <f t="shared" si="0"/>
        <v>2006</v>
      </c>
      <c r="B45" s="1">
        <v>2006.3</v>
      </c>
      <c r="C45" s="4">
        <v>1698.88</v>
      </c>
      <c r="D45" s="5">
        <v>2218.0156556875659</v>
      </c>
      <c r="E45" s="1"/>
    </row>
    <row r="46" spans="1:5" x14ac:dyDescent="0.2">
      <c r="A46" s="1" t="str">
        <f t="shared" si="0"/>
        <v>2006</v>
      </c>
      <c r="B46" s="1">
        <v>2006.4</v>
      </c>
      <c r="C46" s="4">
        <v>1674.73</v>
      </c>
      <c r="D46" s="5">
        <v>2082.3596883992705</v>
      </c>
      <c r="E46" s="1"/>
    </row>
    <row r="47" spans="1:5" x14ac:dyDescent="0.2">
      <c r="A47" s="1" t="str">
        <f t="shared" si="0"/>
        <v>2007</v>
      </c>
      <c r="B47" s="1">
        <v>2007.1</v>
      </c>
      <c r="C47" s="4">
        <v>1676.56</v>
      </c>
      <c r="D47" s="5">
        <v>2193.0503175569188</v>
      </c>
      <c r="E47" s="1"/>
    </row>
    <row r="48" spans="1:5" x14ac:dyDescent="0.2">
      <c r="A48" s="1" t="str">
        <f t="shared" si="0"/>
        <v>2007</v>
      </c>
      <c r="B48" s="1">
        <v>2007.2</v>
      </c>
      <c r="C48" s="4">
        <v>1726.62</v>
      </c>
      <c r="D48" s="5">
        <v>2264.3102000189979</v>
      </c>
      <c r="E48" s="1"/>
    </row>
    <row r="49" spans="1:5" x14ac:dyDescent="0.2">
      <c r="A49" s="1" t="str">
        <f t="shared" si="0"/>
        <v>2007</v>
      </c>
      <c r="B49" s="1">
        <v>2007.3</v>
      </c>
      <c r="C49" s="4">
        <v>1721.34</v>
      </c>
      <c r="D49" s="5">
        <v>2204.4263819286616</v>
      </c>
      <c r="E49" s="1"/>
    </row>
    <row r="50" spans="1:5" x14ac:dyDescent="0.2">
      <c r="A50" s="1" t="str">
        <f t="shared" si="0"/>
        <v>2007</v>
      </c>
      <c r="B50" s="1">
        <v>2007.4</v>
      </c>
      <c r="C50" s="4">
        <v>1730.64</v>
      </c>
      <c r="D50" s="5">
        <v>1982.816849267138</v>
      </c>
      <c r="E50" s="1"/>
    </row>
    <row r="51" spans="1:5" x14ac:dyDescent="0.2">
      <c r="A51" s="1" t="str">
        <f t="shared" si="0"/>
        <v>2008</v>
      </c>
      <c r="B51" s="1">
        <v>2008.1</v>
      </c>
      <c r="C51" s="4">
        <v>1744.47</v>
      </c>
      <c r="D51" s="5">
        <v>1958.6486642008861</v>
      </c>
      <c r="E51" s="1"/>
    </row>
    <row r="52" spans="1:5" x14ac:dyDescent="0.2">
      <c r="A52" s="1" t="str">
        <f t="shared" si="0"/>
        <v>2008</v>
      </c>
      <c r="B52" s="1">
        <v>2008.2</v>
      </c>
      <c r="C52" s="4">
        <v>1763.9</v>
      </c>
      <c r="D52" s="5">
        <v>1955.5209331636672</v>
      </c>
      <c r="E52" s="1"/>
    </row>
    <row r="53" spans="1:5" x14ac:dyDescent="0.2">
      <c r="A53" s="1" t="str">
        <f t="shared" si="0"/>
        <v>2008</v>
      </c>
      <c r="B53" s="1">
        <v>2008.3</v>
      </c>
      <c r="C53" s="4">
        <v>1778.86</v>
      </c>
      <c r="D53" s="5">
        <v>1787.4340900160214</v>
      </c>
      <c r="E53" s="1"/>
    </row>
    <row r="54" spans="1:5" x14ac:dyDescent="0.2">
      <c r="A54" s="1" t="str">
        <f t="shared" si="0"/>
        <v>2008</v>
      </c>
      <c r="B54" s="1">
        <v>2008.4</v>
      </c>
      <c r="C54" s="4">
        <v>1740</v>
      </c>
      <c r="D54" s="5">
        <v>1547.7580436794583</v>
      </c>
      <c r="E54" s="1"/>
    </row>
    <row r="55" spans="1:5" x14ac:dyDescent="0.2">
      <c r="A55" s="1" t="str">
        <f t="shared" si="0"/>
        <v>2009</v>
      </c>
      <c r="B55" s="1">
        <v>2009.1</v>
      </c>
      <c r="C55" s="4">
        <v>1722.49</v>
      </c>
      <c r="D55" s="5">
        <v>1423.7370418714395</v>
      </c>
      <c r="E55" s="1"/>
    </row>
    <row r="56" spans="1:5" x14ac:dyDescent="0.2">
      <c r="A56" s="1" t="str">
        <f t="shared" si="0"/>
        <v>2009</v>
      </c>
      <c r="B56" s="1">
        <v>2009.2</v>
      </c>
      <c r="C56" s="4">
        <v>1709.56</v>
      </c>
      <c r="D56" s="5">
        <v>1576.9186602581799</v>
      </c>
      <c r="E56" s="1"/>
    </row>
    <row r="57" spans="1:5" x14ac:dyDescent="0.2">
      <c r="A57" s="1" t="str">
        <f t="shared" si="0"/>
        <v>2009</v>
      </c>
      <c r="B57" s="1">
        <v>2009.3</v>
      </c>
      <c r="C57" s="4">
        <v>1703.3</v>
      </c>
      <c r="D57" s="5">
        <v>1670.2644351709321</v>
      </c>
      <c r="E57" s="1"/>
    </row>
    <row r="58" spans="1:5" x14ac:dyDescent="0.2">
      <c r="A58" s="1" t="str">
        <f t="shared" si="0"/>
        <v>2009</v>
      </c>
      <c r="B58" s="1">
        <v>2009.4</v>
      </c>
      <c r="C58" s="4">
        <v>1674.72</v>
      </c>
      <c r="D58" s="5">
        <v>1585.0771014035136</v>
      </c>
      <c r="E58" s="1"/>
    </row>
    <row r="59" spans="1:5" x14ac:dyDescent="0.2">
      <c r="A59" s="1" t="str">
        <f t="shared" si="0"/>
        <v>2010</v>
      </c>
      <c r="B59" s="1">
        <v>2010.1</v>
      </c>
      <c r="C59" s="4">
        <v>1684.95</v>
      </c>
      <c r="D59" s="5">
        <v>1448.3439932166825</v>
      </c>
      <c r="E59" s="1"/>
    </row>
    <row r="60" spans="1:5" x14ac:dyDescent="0.2">
      <c r="A60" s="1" t="str">
        <f t="shared" si="0"/>
        <v>2010</v>
      </c>
      <c r="B60" s="1">
        <v>2010.2</v>
      </c>
      <c r="C60" s="4">
        <v>1738.95</v>
      </c>
      <c r="D60" s="5">
        <v>1574.967568413439</v>
      </c>
      <c r="E60" s="1"/>
    </row>
    <row r="61" spans="1:5" x14ac:dyDescent="0.2">
      <c r="A61" s="1" t="str">
        <f t="shared" si="0"/>
        <v>2010</v>
      </c>
      <c r="B61" s="1">
        <v>2010.3</v>
      </c>
      <c r="C61" s="4">
        <v>1784.16</v>
      </c>
      <c r="D61" s="5">
        <v>1703.8671409285555</v>
      </c>
      <c r="E61" s="1"/>
    </row>
    <row r="62" spans="1:5" x14ac:dyDescent="0.2">
      <c r="A62" s="1" t="str">
        <f t="shared" si="0"/>
        <v>2010</v>
      </c>
      <c r="B62" s="1">
        <v>2010.4</v>
      </c>
      <c r="C62" s="4">
        <v>1771.21</v>
      </c>
      <c r="D62" s="5">
        <v>1609.9568646754674</v>
      </c>
      <c r="E62" s="1"/>
    </row>
    <row r="63" spans="1:5" x14ac:dyDescent="0.2">
      <c r="A63" s="1" t="str">
        <f t="shared" si="0"/>
        <v>2011</v>
      </c>
      <c r="B63" s="1">
        <v>2011.1</v>
      </c>
      <c r="C63" s="4">
        <v>1780.97</v>
      </c>
      <c r="D63" s="5">
        <v>1437.8740522259241</v>
      </c>
      <c r="E63" s="1"/>
    </row>
    <row r="64" spans="1:5" x14ac:dyDescent="0.2">
      <c r="A64" s="1" t="str">
        <f t="shared" si="0"/>
        <v>2011</v>
      </c>
      <c r="B64" s="1">
        <v>2011.2</v>
      </c>
      <c r="C64" s="4">
        <v>1837.49</v>
      </c>
      <c r="D64" s="5">
        <v>1496.1914009859699</v>
      </c>
      <c r="E64" s="1"/>
    </row>
    <row r="65" spans="1:5" x14ac:dyDescent="0.2">
      <c r="A65" s="1" t="str">
        <f t="shared" si="0"/>
        <v>2011</v>
      </c>
      <c r="B65" s="1">
        <v>2011.3</v>
      </c>
      <c r="C65" s="4">
        <v>1874.02</v>
      </c>
      <c r="D65" s="5">
        <v>1535.4886063975418</v>
      </c>
      <c r="E65" s="1"/>
    </row>
    <row r="66" spans="1:5" x14ac:dyDescent="0.2">
      <c r="A66" s="1" t="str">
        <f t="shared" si="0"/>
        <v>2011</v>
      </c>
      <c r="B66" s="1">
        <v>2011.4</v>
      </c>
      <c r="C66" s="4">
        <v>1896.63</v>
      </c>
      <c r="D66" s="5">
        <v>1363.759433705193</v>
      </c>
      <c r="E66" s="1"/>
    </row>
    <row r="67" spans="1:5" x14ac:dyDescent="0.2">
      <c r="A67" s="1" t="str">
        <f t="shared" si="0"/>
        <v>2012</v>
      </c>
      <c r="B67" s="1">
        <v>2012.1</v>
      </c>
      <c r="C67" s="4">
        <v>1912.76</v>
      </c>
      <c r="D67" s="5">
        <v>1255.5340443585578</v>
      </c>
      <c r="E67" s="1"/>
    </row>
    <row r="68" spans="1:5" x14ac:dyDescent="0.2">
      <c r="A68" s="1" t="str">
        <f t="shared" ref="A68:A111" si="1">LEFT(B68,4)</f>
        <v>2012</v>
      </c>
      <c r="B68" s="1">
        <v>2012.2</v>
      </c>
      <c r="C68" s="4">
        <v>1959.17</v>
      </c>
      <c r="D68" s="5">
        <v>1413.1440796054571</v>
      </c>
      <c r="E68" s="1"/>
    </row>
    <row r="69" spans="1:5" x14ac:dyDescent="0.2">
      <c r="A69" s="1" t="str">
        <f t="shared" si="1"/>
        <v>2012</v>
      </c>
      <c r="B69" s="1">
        <v>2012.3</v>
      </c>
      <c r="C69" s="4">
        <v>1964.15</v>
      </c>
      <c r="D69" s="5">
        <v>1416.8962394341563</v>
      </c>
      <c r="E69" s="1"/>
    </row>
    <row r="70" spans="1:5" x14ac:dyDescent="0.2">
      <c r="A70" s="1" t="str">
        <f t="shared" si="1"/>
        <v>2012</v>
      </c>
      <c r="B70" s="1">
        <v>2012.4</v>
      </c>
      <c r="C70" s="4">
        <v>1954.73</v>
      </c>
      <c r="D70" s="5">
        <v>1371.2043220977941</v>
      </c>
      <c r="E70" s="1"/>
    </row>
    <row r="71" spans="1:5" x14ac:dyDescent="0.2">
      <c r="A71" s="1" t="str">
        <f t="shared" si="1"/>
        <v>2013</v>
      </c>
      <c r="B71" s="1">
        <v>2013.1</v>
      </c>
      <c r="C71" s="4">
        <v>1951.9</v>
      </c>
      <c r="D71" s="5">
        <v>1474.2837029335365</v>
      </c>
      <c r="E71" s="1"/>
    </row>
    <row r="72" spans="1:5" x14ac:dyDescent="0.2">
      <c r="A72" s="1" t="str">
        <f t="shared" si="1"/>
        <v>2013</v>
      </c>
      <c r="B72" s="1">
        <v>2013.2</v>
      </c>
      <c r="C72" s="4">
        <v>2008.74</v>
      </c>
      <c r="D72" s="5">
        <v>1648.6692893360655</v>
      </c>
      <c r="E72" s="1"/>
    </row>
    <row r="73" spans="1:5" x14ac:dyDescent="0.2">
      <c r="A73" s="1" t="str">
        <f t="shared" si="1"/>
        <v>2013</v>
      </c>
      <c r="B73" s="1">
        <v>2013.3</v>
      </c>
      <c r="C73" s="4">
        <v>2023.75</v>
      </c>
      <c r="D73" s="5">
        <v>1761.6227467539636</v>
      </c>
      <c r="E73" s="1"/>
    </row>
    <row r="74" spans="1:5" x14ac:dyDescent="0.2">
      <c r="A74" s="1" t="str">
        <f t="shared" si="1"/>
        <v>2013</v>
      </c>
      <c r="B74" s="1">
        <v>2013.4</v>
      </c>
      <c r="C74" s="4">
        <v>1988.06</v>
      </c>
      <c r="D74" s="5">
        <v>1638.1368689443113</v>
      </c>
      <c r="E74" s="1"/>
    </row>
    <row r="75" spans="1:5" x14ac:dyDescent="0.2">
      <c r="A75" s="1" t="str">
        <f t="shared" si="1"/>
        <v>2014</v>
      </c>
      <c r="B75" s="1">
        <v>2014.1</v>
      </c>
      <c r="C75" s="4">
        <v>1985.77</v>
      </c>
      <c r="D75" s="5">
        <v>1548.0897620452183</v>
      </c>
      <c r="E75" s="1"/>
    </row>
    <row r="76" spans="1:5" x14ac:dyDescent="0.2">
      <c r="A76" s="1" t="str">
        <f t="shared" si="1"/>
        <v>2014</v>
      </c>
      <c r="B76" s="1">
        <v>2014.2</v>
      </c>
      <c r="C76" s="4">
        <v>2057.31</v>
      </c>
      <c r="D76" s="5">
        <v>1711.1199885726344</v>
      </c>
      <c r="E76" s="1"/>
    </row>
    <row r="77" spans="1:5" x14ac:dyDescent="0.2">
      <c r="A77" s="1" t="str">
        <f t="shared" si="1"/>
        <v>2014</v>
      </c>
      <c r="B77" s="1">
        <v>2014.3</v>
      </c>
      <c r="C77" s="4">
        <v>2072.75</v>
      </c>
      <c r="D77" s="5">
        <v>1653.8144273326286</v>
      </c>
      <c r="E77" s="1"/>
    </row>
    <row r="78" spans="1:5" x14ac:dyDescent="0.2">
      <c r="A78" s="1" t="str">
        <f t="shared" si="1"/>
        <v>2014</v>
      </c>
      <c r="B78" s="1">
        <v>2014.4</v>
      </c>
      <c r="C78" s="4">
        <v>2049.1</v>
      </c>
      <c r="D78" s="5">
        <v>1552.1478697205462</v>
      </c>
      <c r="E78" s="1"/>
    </row>
    <row r="79" spans="1:5" x14ac:dyDescent="0.2">
      <c r="A79" s="1" t="str">
        <f t="shared" si="1"/>
        <v>2015</v>
      </c>
      <c r="B79" s="1">
        <v>2015.1</v>
      </c>
      <c r="C79" s="4">
        <v>2058.4699999999998</v>
      </c>
      <c r="D79" s="5">
        <v>1589.0315585227606</v>
      </c>
      <c r="E79" s="1"/>
    </row>
    <row r="80" spans="1:5" x14ac:dyDescent="0.2">
      <c r="A80" s="1" t="str">
        <f t="shared" si="1"/>
        <v>2015</v>
      </c>
      <c r="B80" s="1">
        <v>2015.2</v>
      </c>
      <c r="C80" s="4">
        <v>2135.77</v>
      </c>
      <c r="D80" s="5">
        <v>1710.4374591636531</v>
      </c>
      <c r="E80" s="1"/>
    </row>
    <row r="81" spans="1:5" x14ac:dyDescent="0.2">
      <c r="A81" s="1" t="str">
        <f t="shared" si="1"/>
        <v>2015</v>
      </c>
      <c r="B81" s="1">
        <v>2015.3</v>
      </c>
      <c r="C81" s="4">
        <v>2164.9499999999998</v>
      </c>
      <c r="D81" s="5">
        <v>1770.0234510399107</v>
      </c>
      <c r="E81" s="1"/>
    </row>
    <row r="82" spans="1:5" x14ac:dyDescent="0.2">
      <c r="A82" s="1" t="str">
        <f t="shared" si="1"/>
        <v>2015</v>
      </c>
      <c r="B82" s="1">
        <v>2015.4</v>
      </c>
      <c r="C82" s="4">
        <v>2137.56</v>
      </c>
      <c r="D82" s="5">
        <v>1596.2326760269141</v>
      </c>
      <c r="E82" s="1"/>
    </row>
    <row r="83" spans="1:5" x14ac:dyDescent="0.2">
      <c r="A83" s="1" t="str">
        <f t="shared" si="1"/>
        <v>2016</v>
      </c>
      <c r="B83" s="1">
        <v>2016.1</v>
      </c>
      <c r="C83" s="4">
        <v>2138.3000000000002</v>
      </c>
      <c r="D83" s="5">
        <v>1491.9619558078109</v>
      </c>
      <c r="E83" s="1"/>
    </row>
    <row r="84" spans="1:5" x14ac:dyDescent="0.2">
      <c r="A84" s="1" t="str">
        <f t="shared" si="1"/>
        <v>2016</v>
      </c>
      <c r="B84" s="1">
        <v>2016.2</v>
      </c>
      <c r="C84" s="4">
        <v>2209.6</v>
      </c>
      <c r="D84" s="5">
        <v>1705.0240242132038</v>
      </c>
      <c r="E84" s="1"/>
    </row>
    <row r="85" spans="1:5" x14ac:dyDescent="0.2">
      <c r="A85" s="1" t="str">
        <f t="shared" si="1"/>
        <v>2016</v>
      </c>
      <c r="B85" s="1">
        <v>2016.3</v>
      </c>
      <c r="C85" s="4">
        <v>2233.09</v>
      </c>
      <c r="D85" s="5">
        <v>1900.1756722016908</v>
      </c>
      <c r="E85" s="1"/>
    </row>
    <row r="86" spans="1:5" x14ac:dyDescent="0.2">
      <c r="A86" s="1" t="str">
        <f t="shared" si="1"/>
        <v>2016</v>
      </c>
      <c r="B86" s="1">
        <v>2016.4</v>
      </c>
      <c r="C86" s="4">
        <v>2185.7600000000002</v>
      </c>
      <c r="D86" s="5">
        <v>1783.3791708871772</v>
      </c>
      <c r="E86" s="1"/>
    </row>
    <row r="87" spans="1:5" x14ac:dyDescent="0.2">
      <c r="A87" s="1" t="str">
        <f t="shared" si="1"/>
        <v>2017</v>
      </c>
      <c r="B87" s="1">
        <v>2017.1</v>
      </c>
      <c r="C87" s="4">
        <v>2196.4899999999998</v>
      </c>
      <c r="D87" s="5">
        <v>1715.0379754349428</v>
      </c>
      <c r="E87" s="1"/>
    </row>
    <row r="88" spans="1:5" x14ac:dyDescent="0.2">
      <c r="A88" s="1" t="str">
        <f t="shared" si="1"/>
        <v>2017</v>
      </c>
      <c r="B88" s="1">
        <v>2017.2</v>
      </c>
      <c r="C88" s="4">
        <v>2269.3000000000002</v>
      </c>
      <c r="D88" s="5">
        <v>1913.2809460478211</v>
      </c>
      <c r="E88" s="1"/>
    </row>
    <row r="89" spans="1:5" x14ac:dyDescent="0.2">
      <c r="A89" s="1" t="str">
        <f t="shared" si="1"/>
        <v>2017</v>
      </c>
      <c r="B89" s="1">
        <v>2017.3</v>
      </c>
      <c r="C89" s="4">
        <v>2285.5100000000002</v>
      </c>
      <c r="D89" s="5">
        <v>1947.448471331016</v>
      </c>
      <c r="E89" s="1"/>
    </row>
    <row r="90" spans="1:5" x14ac:dyDescent="0.2">
      <c r="A90" s="1" t="str">
        <f t="shared" si="1"/>
        <v>2017</v>
      </c>
      <c r="B90" s="1">
        <v>2017.4</v>
      </c>
      <c r="C90" s="4">
        <v>2232.35</v>
      </c>
      <c r="D90" s="5">
        <v>1985.7396444694941</v>
      </c>
      <c r="E90" s="1"/>
    </row>
    <row r="91" spans="1:5" x14ac:dyDescent="0.2">
      <c r="A91" s="1" t="str">
        <f t="shared" si="1"/>
        <v>2018</v>
      </c>
      <c r="B91" s="1">
        <v>2018.1</v>
      </c>
      <c r="C91" s="4">
        <v>2245.36</v>
      </c>
      <c r="D91" s="5">
        <v>1985.5150823531671</v>
      </c>
      <c r="E91" s="1"/>
    </row>
    <row r="92" spans="1:5" x14ac:dyDescent="0.2">
      <c r="A92" s="1" t="str">
        <f t="shared" si="1"/>
        <v>2018</v>
      </c>
      <c r="B92" s="1">
        <v>2018.2</v>
      </c>
      <c r="C92" s="4">
        <v>2313.77</v>
      </c>
      <c r="D92" s="5">
        <v>2268.5427872910855</v>
      </c>
      <c r="E92" s="1"/>
    </row>
    <row r="93" spans="1:5" x14ac:dyDescent="0.2">
      <c r="A93" s="1" t="str">
        <f t="shared" si="1"/>
        <v>2018</v>
      </c>
      <c r="B93" s="1">
        <v>2018.3</v>
      </c>
      <c r="C93" s="4">
        <v>2346.0500000000002</v>
      </c>
      <c r="D93" s="5">
        <v>2193.6395816945642</v>
      </c>
      <c r="E93" s="1"/>
    </row>
    <row r="94" spans="1:5" x14ac:dyDescent="0.2">
      <c r="A94" s="1" t="str">
        <f t="shared" si="1"/>
        <v>2018</v>
      </c>
      <c r="B94" s="1">
        <v>2018.4</v>
      </c>
      <c r="C94" s="4">
        <v>2321.92</v>
      </c>
      <c r="D94" s="5">
        <v>1947.8751620951682</v>
      </c>
      <c r="E94" s="1"/>
    </row>
    <row r="95" spans="1:5" x14ac:dyDescent="0.2">
      <c r="A95" s="1" t="str">
        <f t="shared" si="1"/>
        <v>2019</v>
      </c>
      <c r="B95" s="1">
        <v>2019.1</v>
      </c>
      <c r="C95" s="4">
        <v>2328.25</v>
      </c>
      <c r="D95" s="5">
        <v>1874.9794288746091</v>
      </c>
      <c r="E95" s="1"/>
    </row>
    <row r="96" spans="1:5" x14ac:dyDescent="0.2">
      <c r="A96" s="1" t="str">
        <f t="shared" si="1"/>
        <v>2019</v>
      </c>
      <c r="B96" s="1">
        <v>2019.2</v>
      </c>
      <c r="C96" s="4">
        <v>2401.02</v>
      </c>
      <c r="D96" s="5">
        <v>2039.7938835309762</v>
      </c>
      <c r="E96" s="1"/>
    </row>
    <row r="97" spans="1:5" x14ac:dyDescent="0.2">
      <c r="A97" s="1" t="str">
        <f t="shared" si="1"/>
        <v>2019</v>
      </c>
      <c r="B97" s="1">
        <v>2019.3</v>
      </c>
      <c r="C97" s="4">
        <v>2443.96</v>
      </c>
      <c r="D97" s="5">
        <v>2060.2730197037499</v>
      </c>
      <c r="E97" s="1"/>
    </row>
    <row r="98" spans="1:5" x14ac:dyDescent="0.2">
      <c r="A98" s="1" t="str">
        <f t="shared" si="1"/>
        <v>2019</v>
      </c>
      <c r="B98" s="1">
        <v>2019.4</v>
      </c>
      <c r="C98" s="4">
        <v>2403.75</v>
      </c>
      <c r="D98" s="5">
        <v>1867.7407096444804</v>
      </c>
      <c r="E98" s="1"/>
    </row>
    <row r="99" spans="1:5" x14ac:dyDescent="0.2">
      <c r="A99" s="1" t="str">
        <f t="shared" si="1"/>
        <v>2020</v>
      </c>
      <c r="B99" s="1">
        <v>2020.1</v>
      </c>
      <c r="C99" s="4">
        <v>2406.0100000000002</v>
      </c>
      <c r="D99" s="5">
        <v>1850.7470337352636</v>
      </c>
      <c r="E99" s="1"/>
    </row>
    <row r="100" spans="1:5" x14ac:dyDescent="0.2">
      <c r="A100" s="1" t="str">
        <f t="shared" si="1"/>
        <v>2020</v>
      </c>
      <c r="B100" s="1">
        <v>2020.2</v>
      </c>
      <c r="C100" s="4">
        <v>2367.8000000000002</v>
      </c>
      <c r="D100" s="5">
        <v>2005.7199530597388</v>
      </c>
      <c r="E100" s="1"/>
    </row>
    <row r="101" spans="1:5" x14ac:dyDescent="0.2">
      <c r="A101" s="1" t="str">
        <f t="shared" si="1"/>
        <v>2020</v>
      </c>
      <c r="B101" s="1">
        <v>2020.3</v>
      </c>
      <c r="C101" s="4">
        <v>2319</v>
      </c>
      <c r="D101" s="5">
        <v>2090.8967260719364</v>
      </c>
      <c r="E101" s="1"/>
    </row>
    <row r="102" spans="1:5" x14ac:dyDescent="0.2">
      <c r="A102" s="1" t="str">
        <f t="shared" si="1"/>
        <v>2020</v>
      </c>
      <c r="B102" s="1">
        <v>2020.4</v>
      </c>
      <c r="C102" s="4">
        <v>2236.23</v>
      </c>
      <c r="D102" s="5">
        <v>2198.3150590753507</v>
      </c>
      <c r="E102" s="1"/>
    </row>
    <row r="103" spans="1:5" x14ac:dyDescent="0.2">
      <c r="A103" s="1" t="str">
        <f t="shared" si="1"/>
        <v>2021</v>
      </c>
      <c r="B103" s="1">
        <v>2021.1</v>
      </c>
      <c r="C103" s="4">
        <v>2240.92</v>
      </c>
      <c r="D103" s="5">
        <v>2156.3571783313218</v>
      </c>
      <c r="E103" s="1"/>
    </row>
    <row r="104" spans="1:5" x14ac:dyDescent="0.2">
      <c r="A104" s="1" t="str">
        <f t="shared" si="1"/>
        <v>2021</v>
      </c>
      <c r="B104" s="1">
        <v>2021.2</v>
      </c>
      <c r="C104" s="4">
        <v>2350.54</v>
      </c>
      <c r="D104" s="5">
        <v>2464.0687850847971</v>
      </c>
      <c r="E104" s="1"/>
    </row>
    <row r="105" spans="1:5" x14ac:dyDescent="0.2">
      <c r="A105" s="1" t="str">
        <f t="shared" si="1"/>
        <v>2021</v>
      </c>
      <c r="B105" s="1">
        <v>2021.3</v>
      </c>
      <c r="C105" s="4">
        <v>2501.02</v>
      </c>
      <c r="D105" s="5">
        <v>2474.9893815342784</v>
      </c>
      <c r="E105" s="1"/>
    </row>
    <row r="106" spans="1:5" x14ac:dyDescent="0.2">
      <c r="A106" s="1" t="str">
        <f t="shared" si="1"/>
        <v>2021</v>
      </c>
      <c r="B106" s="1">
        <v>2021.4</v>
      </c>
      <c r="C106" s="4">
        <v>2535.6799999999998</v>
      </c>
      <c r="D106" s="5">
        <v>2891.2643038457431</v>
      </c>
      <c r="E106" s="1"/>
    </row>
    <row r="107" spans="1:5" x14ac:dyDescent="0.2">
      <c r="A107" s="1" t="str">
        <f t="shared" si="1"/>
        <v>2022</v>
      </c>
      <c r="B107" s="1">
        <v>2022.1</v>
      </c>
      <c r="C107" s="4">
        <v>2568.65</v>
      </c>
      <c r="D107" s="5">
        <v>3263.7076842888282</v>
      </c>
      <c r="E107" s="1"/>
    </row>
    <row r="108" spans="1:5" x14ac:dyDescent="0.2">
      <c r="A108" s="1" t="str">
        <f t="shared" si="1"/>
        <v>2022</v>
      </c>
      <c r="B108" s="1">
        <v>2022.2</v>
      </c>
      <c r="C108" s="4">
        <v>2665.71</v>
      </c>
      <c r="D108" s="5">
        <v>4100.9738505169153</v>
      </c>
      <c r="E108" s="1"/>
    </row>
    <row r="109" spans="1:5" x14ac:dyDescent="0.2">
      <c r="A109" s="1" t="str">
        <f t="shared" si="1"/>
        <v>2022</v>
      </c>
      <c r="B109" s="1">
        <v>2022.3</v>
      </c>
      <c r="C109" s="4">
        <v>2725.45</v>
      </c>
      <c r="D109" s="5">
        <v>3855.1191200810658</v>
      </c>
      <c r="E109" s="1"/>
    </row>
    <row r="110" spans="1:5" x14ac:dyDescent="0.2">
      <c r="A110" s="1" t="str">
        <f t="shared" si="1"/>
        <v>2022</v>
      </c>
      <c r="B110" s="1">
        <v>2022.4</v>
      </c>
      <c r="C110" s="4">
        <v>2697.91</v>
      </c>
      <c r="D110" s="5">
        <v>3591.1065533434612</v>
      </c>
      <c r="E110" s="1"/>
    </row>
    <row r="111" spans="1:5" x14ac:dyDescent="0.2">
      <c r="A111" s="1" t="str">
        <f t="shared" si="1"/>
        <v>2023</v>
      </c>
      <c r="B111" s="1">
        <v>2023.1</v>
      </c>
      <c r="C111" s="4">
        <v>2710.93</v>
      </c>
      <c r="D111" s="5"/>
      <c r="E111" s="1"/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67CEFEC-D327-497F-87E6-9DFA7269AAE5}">
  <ds:schemaRefs/>
</ds:datastoreItem>
</file>

<file path=customXml/itemProps2.xml><?xml version="1.0" encoding="utf-8"?>
<ds:datastoreItem xmlns:ds="http://schemas.openxmlformats.org/officeDocument/2006/customXml" ds:itemID="{3E183F81-2C33-43BC-8B03-941F3EADE99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3-06-27T17:41:40Z</dcterms:created>
  <dcterms:modified xsi:type="dcterms:W3CDTF">2023-06-27T17:43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